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mc:Ignorable="x15">
  <fileVersion appName="xl" lastEdited="6" lowestEdited="6" rupBuild="14420"/>
  <workbookPr filterPrivacy="1"/>
  <bookViews>
    <workbookView xWindow="0" yWindow="0" windowWidth="28800" windowHeight="12624"/>
  </bookViews>
  <sheets>
    <sheet name="Draft 26-27" sheetId="3" r:id="rId1"/>
    <sheet name="25-26" sheetId="1" r:id="rId2"/>
    <sheet name="Sheet2" sheetId="2" r:id="rId3"/>
  </sheets>
  <definedNames>
    <definedName name="_xlnm.Print_Area" localSheetId="1">'25-26'!$A$1:$L$39</definedName>
    <definedName name="_xlnm.Print_Area" localSheetId="0">'Draft 26-27'!$A$1:$L$39</definedName>
  </definedNames>
  <calcPr calcId="152511"/>
  <extLst>
    <ext xmlns:x15="http://schemas.microsoft.com/office/spreadsheetml/2010/11/main" uri="{140A7094-0E35-4892-8432-C4D2E57EDEB5}">
      <x15:workbookPr chartTrackingRefBase="1"/>
    </ext>
  </extLst>
</workbook>
</file>

<file path=xl/sharedStrings.xml><?xml version="1.0" encoding="utf-8"?>
<sst xmlns="http://schemas.openxmlformats.org/spreadsheetml/2006/main" count="184" uniqueCount="96">
  <si>
    <t>Meetings</t>
  </si>
  <si>
    <t>January</t>
  </si>
  <si>
    <t>February</t>
  </si>
  <si>
    <t>March</t>
  </si>
  <si>
    <t>April</t>
  </si>
  <si>
    <t>May</t>
  </si>
  <si>
    <t>June</t>
  </si>
  <si>
    <t>Launch budget survey</t>
  </si>
  <si>
    <t>Budget Referendum</t>
  </si>
  <si>
    <t>Workshop 1:  6 pm</t>
  </si>
  <si>
    <t>Workshop 2:  6 pm</t>
  </si>
  <si>
    <t>Workshop 3:  6 pm</t>
  </si>
  <si>
    <t>Workshop 4:  6 pm</t>
  </si>
  <si>
    <t>BOF reg</t>
  </si>
  <si>
    <t>BOE reg</t>
  </si>
  <si>
    <t>BOS reg</t>
  </si>
  <si>
    <t>BOF reg &amp; combined budget discussion</t>
  </si>
  <si>
    <t>BOF vote on mill rates</t>
  </si>
  <si>
    <t>Annual Budget Meeting</t>
  </si>
  <si>
    <r>
      <rPr>
        <b/>
        <sz val="11"/>
        <color theme="1"/>
        <rFont val="Aptos Narrow"/>
        <family val="2"/>
        <scheme val="minor"/>
      </rPr>
      <t xml:space="preserve">Worshop 3: </t>
    </r>
    <r>
      <rPr>
        <sz val="11"/>
        <color theme="1"/>
        <rFont val="Aptos Narrow"/>
        <family val="2"/>
        <scheme val="minor"/>
      </rPr>
      <t>Community and human services (youth and social services, C3, library, park &amp; rec, senior services), general govt depts part 2 (elections, planning/code enforcement, engineering, public works)</t>
    </r>
  </si>
  <si>
    <r>
      <rPr>
        <b/>
        <sz val="11"/>
        <color theme="1"/>
        <rFont val="Aptos Narrow"/>
        <family val="2"/>
        <scheme val="minor"/>
      </rPr>
      <t>Workshop 4:</t>
    </r>
    <r>
      <rPr>
        <sz val="11"/>
        <color theme="1"/>
        <rFont val="Aptos Narrow"/>
        <family val="2"/>
        <scheme val="minor"/>
      </rPr>
      <t xml:space="preserve">  BOE follow up</t>
    </r>
  </si>
  <si>
    <r>
      <t xml:space="preserve">Also need to review </t>
    </r>
    <r>
      <rPr>
        <b/>
        <sz val="11"/>
        <color theme="1"/>
        <rFont val="Aptos Narrow"/>
        <family val="2"/>
        <scheme val="minor"/>
      </rPr>
      <t>town &amp; school revenues</t>
    </r>
    <r>
      <rPr>
        <sz val="11"/>
        <color theme="1"/>
        <rFont val="Aptos Narrow"/>
        <family val="2"/>
        <scheme val="minor"/>
      </rPr>
      <t xml:space="preserve"> - include in workshop 4? Or potentially in BOF reg meetings?</t>
    </r>
  </si>
  <si>
    <t>2 motions:  first to issue real estate bills at new mill rate; other to issue personal property &amp; motor vehicle bills at new mill rate
This HAD t o happen on night of referendum last year; confirm with Michelle on timing in this schedule?</t>
  </si>
  <si>
    <t xml:space="preserve">BOF forums - need time before presentations to understand feedback.
</t>
  </si>
  <si>
    <t>Close budget survey</t>
  </si>
  <si>
    <t>Post budget survey results</t>
  </si>
  <si>
    <t xml:space="preserve"> Mon 1/6/2025</t>
  </si>
  <si>
    <t>Mon 1/13/2025</t>
  </si>
  <si>
    <t>Mon 1/20/2025</t>
  </si>
  <si>
    <t>Mon 1/27/2025</t>
  </si>
  <si>
    <t>Mon 2/3/2025</t>
  </si>
  <si>
    <t>Mon 2/10/2025</t>
  </si>
  <si>
    <t>Mon 2/17/2025</t>
  </si>
  <si>
    <t>Mon 2/24/2025</t>
  </si>
  <si>
    <t>Mon 3/3/2025</t>
  </si>
  <si>
    <t>Mon 3/10/2025</t>
  </si>
  <si>
    <t>Mon 3/17/2025</t>
  </si>
  <si>
    <t>Mon 3/24/2025</t>
  </si>
  <si>
    <t>Mon 3/31/2025</t>
  </si>
  <si>
    <t>Mon 4/7/2025</t>
  </si>
  <si>
    <t>Mon 4/14/2025</t>
  </si>
  <si>
    <t>Mon 4/21/2025</t>
  </si>
  <si>
    <t>Mon 4/28/2025</t>
  </si>
  <si>
    <t>Mon 5/5/2025</t>
  </si>
  <si>
    <t>Mon 5/12/2025</t>
  </si>
  <si>
    <t>Mon 5/19/2025</t>
  </si>
  <si>
    <t>Mon 5/26/2025</t>
  </si>
  <si>
    <t>Mon 6/2/2025</t>
  </si>
  <si>
    <t>Mon 6/9/2025</t>
  </si>
  <si>
    <t>Mon 6/16/2025</t>
  </si>
  <si>
    <t>Mon 6/23/2025</t>
  </si>
  <si>
    <t>Mon 6/30/2025</t>
  </si>
  <si>
    <t>Schools closed</t>
  </si>
  <si>
    <t>BOF discussion on changes to budgets / motion to move them back to BOE and Town to prepare for Public Hearing #2</t>
  </si>
  <si>
    <t>BOF reg  &amp; BOF Budget forum #2</t>
  </si>
  <si>
    <t>Announce schedule</t>
  </si>
  <si>
    <t>BOE reg (MOVE); Public Hearing #1</t>
  </si>
  <si>
    <t xml:space="preserve">BUDGET PROCESS TIMELINE </t>
  </si>
  <si>
    <r>
      <t>o</t>
    </r>
    <r>
      <rPr>
        <sz val="14"/>
        <color theme="1"/>
        <rFont val="Times New Roman"/>
        <family val="1"/>
      </rPr>
      <t>  BOF to hold two budget hearings.  One must be at least two weeks prior to the Annual Budget Meeting (State Statute 7-344) (Charter C-601 C (2). Need not be published in Newspaper.  Suggest at least a press release.</t>
    </r>
  </si>
  <si>
    <r>
      <t>o</t>
    </r>
    <r>
      <rPr>
        <sz val="14"/>
        <color theme="1"/>
        <rFont val="Times New Roman"/>
        <family val="1"/>
      </rPr>
      <t xml:space="preserve">  BOE to participate in the BOF budget hearings (Charter C-602 C(2). </t>
    </r>
  </si>
  <si>
    <r>
      <t>o</t>
    </r>
    <r>
      <rPr>
        <sz val="14"/>
        <color theme="1"/>
        <rFont val="Times New Roman"/>
        <family val="1"/>
      </rPr>
      <t>  BOS regular or special meeting would need to be in enough time for Finance to send me the budget summary by the end of the day Tuesday before the Friday publishing in the Rivereast.</t>
    </r>
  </si>
  <si>
    <r>
      <t>o</t>
    </r>
    <r>
      <rPr>
        <sz val="14"/>
        <color theme="1"/>
        <rFont val="Times New Roman"/>
        <family val="1"/>
      </rPr>
      <t xml:space="preserve">  BOS sets dates for Annual or Special Budget Meeting and Referendum. (Charter C-1105a(A)  </t>
    </r>
    <r>
      <rPr>
        <u/>
        <sz val="14"/>
        <color theme="1"/>
        <rFont val="Times New Roman"/>
        <family val="1"/>
      </rPr>
      <t xml:space="preserve">NOTE: </t>
    </r>
    <r>
      <rPr>
        <sz val="14"/>
        <color theme="1"/>
        <rFont val="Times New Roman"/>
        <family val="1"/>
      </rPr>
      <t xml:space="preserve"> The Tax office needs a 10 day turnaround time for billing.</t>
    </r>
    <r>
      <rPr>
        <sz val="14"/>
        <color rgb="FF984806"/>
        <rFont val="Times New Roman"/>
        <family val="1"/>
      </rPr>
      <t xml:space="preserve"> </t>
    </r>
  </si>
  <si>
    <r>
      <t>o</t>
    </r>
    <r>
      <rPr>
        <sz val="14"/>
        <color theme="1"/>
        <rFont val="Times New Roman"/>
        <family val="1"/>
      </rPr>
      <t xml:space="preserve">  Legal Notice to be published at least 5 days prior to the Annual Budget meeting not to include the date of the meeting (Statute 7-3) Must be sent by 10:00am Wednesday for publication in Friday’s Rivereast. </t>
    </r>
  </si>
  <si>
    <r>
      <t>o</t>
    </r>
    <r>
      <rPr>
        <sz val="14"/>
        <color rgb="FFC00000"/>
        <rFont val="Times New Roman"/>
        <family val="1"/>
      </rPr>
      <t xml:space="preserve">  </t>
    </r>
    <r>
      <rPr>
        <sz val="14"/>
        <color theme="1"/>
        <rFont val="Times New Roman"/>
        <family val="1"/>
      </rPr>
      <t xml:space="preserve">Absentee ballots to be available immediately following the Annual Budget Meeting until day prior to referenda. </t>
    </r>
    <r>
      <rPr>
        <sz val="14"/>
        <color rgb="FFC00000"/>
        <rFont val="Times New Roman"/>
        <family val="1"/>
      </rPr>
      <t>(Cannot mail applications or ballots according to statute 9-369c)</t>
    </r>
  </si>
  <si>
    <r>
      <t>o</t>
    </r>
    <r>
      <rPr>
        <sz val="14"/>
        <color theme="1"/>
        <rFont val="Times New Roman"/>
        <family val="1"/>
      </rPr>
      <t xml:space="preserve">  Referendum to be at least 7 days but not more than 14 days after the Annual Budget Meeting. (Statute 7-7)  </t>
    </r>
    <r>
      <rPr>
        <u/>
        <sz val="14"/>
        <color theme="1"/>
        <rFont val="Times New Roman"/>
        <family val="1"/>
      </rPr>
      <t>NOTE</t>
    </r>
    <r>
      <rPr>
        <sz val="14"/>
        <color theme="1"/>
        <rFont val="Times New Roman"/>
        <family val="1"/>
      </rPr>
      <t>:  The longer between dates gives people more time to obtain an Absentee Ballot.</t>
    </r>
  </si>
  <si>
    <r>
      <t>o</t>
    </r>
    <r>
      <rPr>
        <sz val="14"/>
        <color theme="1"/>
        <rFont val="Times New Roman"/>
        <family val="1"/>
      </rPr>
      <t>  If subsequent Referenda are needed, follow same procedures except we don’t need the hearings.</t>
    </r>
  </si>
  <si>
    <r>
      <t>o</t>
    </r>
    <r>
      <rPr>
        <sz val="14"/>
        <color theme="1"/>
        <rFont val="Times New Roman"/>
        <family val="1"/>
      </rPr>
      <t xml:space="preserve">  After successful referenda the BOF sets the mill rates (Charter C-601(3).  </t>
    </r>
    <r>
      <rPr>
        <u/>
        <sz val="14"/>
        <color theme="1"/>
        <rFont val="Times New Roman"/>
        <family val="1"/>
      </rPr>
      <t>NOTE:</t>
    </r>
    <r>
      <rPr>
        <sz val="14"/>
        <color theme="1"/>
        <rFont val="Times New Roman"/>
        <family val="1"/>
      </rPr>
      <t xml:space="preserve">  A separate mill rate must be set for vehicles only.</t>
    </r>
  </si>
  <si>
    <t>Combined budget presentations - both BOE and BOS to present.  'Budget Development Process' document says this should be first Tuesday in March.  Was April 3 last year.</t>
  </si>
  <si>
    <t>BOS' sets mtg date - needs to be in enough time for Finance to send clerk office budget summary by end of Tues (or whatever publishing deadline is for RiverEast the week ahead).</t>
  </si>
  <si>
    <t>Finance office sends summary to clerk</t>
  </si>
  <si>
    <t>Clerk submits to Rivereast</t>
  </si>
  <si>
    <t>Posted in Rivereast</t>
  </si>
  <si>
    <t>BOS special - sets mtg date</t>
  </si>
  <si>
    <t>When does tax billing need to be done?  Tax office needs 10 day TAT for billing.</t>
  </si>
  <si>
    <t>Tentative BOE presentation</t>
  </si>
  <si>
    <t>Tentative BOE workshop</t>
  </si>
  <si>
    <t>BOF Budget forum #1</t>
  </si>
  <si>
    <r>
      <rPr>
        <b/>
        <sz val="11"/>
        <color theme="1"/>
        <rFont val="Aptos Narrow"/>
        <family val="2"/>
        <scheme val="minor"/>
      </rPr>
      <t>Workshop 1:</t>
    </r>
    <r>
      <rPr>
        <sz val="11"/>
        <color theme="1"/>
        <rFont val="Aptos Narrow"/>
        <family val="2"/>
        <scheme val="minor"/>
      </rPr>
      <t xml:space="preserve">   Public safety depts, general govt depts part 1 (first selectman, human resources, finance, tax collector, town clerk, assessor)</t>
    </r>
  </si>
  <si>
    <r>
      <rPr>
        <b/>
        <sz val="11"/>
        <color theme="1"/>
        <rFont val="Aptos Narrow"/>
        <family val="2"/>
        <scheme val="minor"/>
      </rPr>
      <t>Workshop 2:</t>
    </r>
    <r>
      <rPr>
        <sz val="11"/>
        <color theme="1"/>
        <rFont val="Aptos Narrow"/>
        <family val="2"/>
        <scheme val="minor"/>
      </rPr>
      <t xml:space="preserve">  BOE</t>
    </r>
  </si>
  <si>
    <t>BOF Workshop topics:</t>
  </si>
  <si>
    <t>BOF meetings</t>
  </si>
  <si>
    <t>BOS meeting</t>
  </si>
  <si>
    <t>BOE meetings</t>
  </si>
  <si>
    <t>Public Hearing #1</t>
  </si>
  <si>
    <t>Last day of school</t>
  </si>
  <si>
    <t>BOF reg - vote on mill rates</t>
  </si>
  <si>
    <t>Annual Budget Meeting / BOS reg</t>
  </si>
  <si>
    <t>BOF reg / Public Hearing #2 / BOF send to BOS</t>
  </si>
  <si>
    <t>Superintendent BOE budget presentation</t>
  </si>
  <si>
    <t>BOE-run workshop 1</t>
  </si>
  <si>
    <t>BOE-run workshop 2</t>
  </si>
  <si>
    <t>Schools closed or staff unavailable</t>
  </si>
  <si>
    <t>Combined budget presentations - both BOE and BOS to present.  'Budget Development Process' document says this should be first Tuesday in March.  Was 2nd Tuesday last year.</t>
  </si>
  <si>
    <t>Public Hearing #2 / BOF sends to BOS</t>
  </si>
  <si>
    <t>BOF special meeting - BOE reductions</t>
  </si>
  <si>
    <t>BOS reg / sets annual mtg &amp; referendum dates</t>
  </si>
</sst>
</file>

<file path=xl/styles.xml><?xml version="1.0" encoding="utf-8"?>
<styleSheet xmlns="http://schemas.openxmlformats.org/spreadsheetml/2006/main" xmlns:mc="http://schemas.openxmlformats.org/markup-compatibility/2006" xmlns:x14ac="http://schemas.microsoft.com/office/spreadsheetml/2009/9/ac" mc:Ignorable="x14ac">
  <fonts count="10">
    <font>
      <sz val="11"/>
      <color theme="1"/>
      <name val="Aptos Narrow"/>
      <family val="2"/>
      <scheme val="minor"/>
    </font>
    <font>
      <b/>
      <sz val="11"/>
      <color theme="1"/>
      <name val="Aptos Narrow"/>
      <family val="2"/>
      <scheme val="minor"/>
    </font>
    <font>
      <sz val="11"/>
      <color theme="0"/>
      <name val="Aptos Narrow"/>
      <family val="2"/>
      <scheme val="minor"/>
    </font>
    <font>
      <sz val="16"/>
      <color theme="1"/>
      <name val="Times New Roman"/>
      <family val="1"/>
    </font>
    <font>
      <sz val="14"/>
      <color theme="1"/>
      <name val="Courier New"/>
      <family val="3"/>
    </font>
    <font>
      <sz val="14"/>
      <color theme="1"/>
      <name val="Times New Roman"/>
      <family val="1"/>
    </font>
    <font>
      <sz val="14"/>
      <color theme="1"/>
      <name val="Aptos Narrow"/>
      <family val="2"/>
      <scheme val="minor"/>
    </font>
    <font>
      <u/>
      <sz val="14"/>
      <color theme="1"/>
      <name val="Times New Roman"/>
      <family val="1"/>
    </font>
    <font>
      <sz val="14"/>
      <color rgb="FF984806"/>
      <name val="Times New Roman"/>
      <family val="1"/>
    </font>
    <font>
      <sz val="14"/>
      <color rgb="FFC00000"/>
      <name val="Times New Roman"/>
      <family val="1"/>
    </font>
  </fonts>
  <fills count="11">
    <fill>
      <patternFill patternType="none"/>
    </fill>
    <fill>
      <patternFill patternType="gray125"/>
    </fill>
    <fill>
      <patternFill patternType="solid">
        <fgColor theme="0" tint="-0.14999847407452621"/>
        <bgColor indexed="64"/>
      </patternFill>
    </fill>
    <fill>
      <patternFill patternType="solid">
        <fgColor rgb="FFFFC000"/>
        <bgColor indexed="64"/>
      </patternFill>
    </fill>
    <fill>
      <patternFill patternType="solid">
        <fgColor theme="4" tint="0.79998168889431442"/>
        <bgColor indexed="64"/>
      </patternFill>
    </fill>
    <fill>
      <patternFill patternType="solid">
        <fgColor rgb="FFFFFF00"/>
        <bgColor indexed="64"/>
      </patternFill>
    </fill>
    <fill>
      <patternFill patternType="solid">
        <fgColor theme="6" tint="0.79998168889431442"/>
        <bgColor indexed="64"/>
      </patternFill>
    </fill>
    <fill>
      <patternFill patternType="solid">
        <fgColor theme="8" tint="0.79998168889431442"/>
        <bgColor indexed="64"/>
      </patternFill>
    </fill>
    <fill>
      <patternFill patternType="solid">
        <fgColor rgb="FF00B0F0"/>
        <bgColor indexed="64"/>
      </patternFill>
    </fill>
    <fill>
      <patternFill patternType="solid">
        <fgColor theme="0" tint="-0.499984740745262"/>
        <bgColor indexed="64"/>
      </patternFill>
    </fill>
    <fill>
      <patternFill patternType="solid">
        <fgColor theme="8" tint="0.39997558519241921"/>
        <bgColor indexed="64"/>
      </patternFill>
    </fill>
  </fills>
  <borders count="8">
    <border>
      <left/>
      <right/>
      <top/>
      <bottom/>
      <diagonal/>
    </border>
    <border>
      <left style="medium">
        <color indexed="64"/>
      </left>
      <right style="medium">
        <color indexed="64"/>
      </right>
      <top style="medium">
        <color indexed="64"/>
      </top>
      <bottom style="medium">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s>
  <cellStyleXfs count="1">
    <xf numFmtId="0" fontId="0" fillId="0" borderId="0"/>
  </cellStyleXfs>
  <cellXfs count="41">
    <xf numFmtId="0" fontId="0" fillId="0" borderId="0" xfId="0"/>
    <xf numFmtId="0" fontId="0" fillId="4" borderId="0" xfId="0" applyFill="1" applyAlignment="1">
      <alignment wrapText="1"/>
    </xf>
    <xf numFmtId="0" fontId="0" fillId="3" borderId="0" xfId="0" quotePrefix="1" applyFill="1" applyAlignment="1">
      <alignment wrapText="1"/>
    </xf>
    <xf numFmtId="0" fontId="0" fillId="7" borderId="0" xfId="0" applyFill="1" applyAlignment="1">
      <alignment wrapText="1"/>
    </xf>
    <xf numFmtId="0" fontId="2" fillId="9" borderId="2" xfId="0" applyFont="1" applyFill="1" applyBorder="1"/>
    <xf numFmtId="0" fontId="2" fillId="9" borderId="3" xfId="0" applyFont="1" applyFill="1" applyBorder="1"/>
    <xf numFmtId="14" fontId="0" fillId="0" borderId="4" xfId="0" applyNumberFormat="1" applyBorder="1"/>
    <xf numFmtId="0" fontId="0" fillId="0" borderId="5" xfId="0" applyBorder="1"/>
    <xf numFmtId="14" fontId="0" fillId="0" borderId="6" xfId="0" applyNumberFormat="1" applyBorder="1"/>
    <xf numFmtId="0" fontId="0" fillId="0" borderId="7" xfId="0" applyBorder="1"/>
    <xf numFmtId="0" fontId="0" fillId="6" borderId="5" xfId="0" applyFill="1" applyBorder="1"/>
    <xf numFmtId="0" fontId="0" fillId="4" borderId="5" xfId="0" applyFill="1" applyBorder="1"/>
    <xf numFmtId="0" fontId="0" fillId="0" borderId="4" xfId="0" applyBorder="1"/>
    <xf numFmtId="0" fontId="0" fillId="0" borderId="6" xfId="0" applyBorder="1"/>
    <xf numFmtId="0" fontId="0" fillId="3" borderId="5" xfId="0" applyFill="1" applyBorder="1"/>
    <xf numFmtId="0" fontId="0" fillId="7" borderId="5" xfId="0" applyFill="1" applyBorder="1"/>
    <xf numFmtId="0" fontId="0" fillId="5" borderId="5" xfId="0" applyFill="1" applyBorder="1"/>
    <xf numFmtId="0" fontId="0" fillId="8" borderId="5" xfId="0" applyFill="1" applyBorder="1"/>
    <xf numFmtId="0" fontId="1" fillId="7" borderId="0" xfId="0" applyFont="1" applyFill="1" applyAlignment="1">
      <alignment vertical="center" wrapText="1"/>
    </xf>
    <xf numFmtId="0" fontId="0" fillId="2" borderId="5" xfId="0" applyFill="1" applyBorder="1"/>
    <xf numFmtId="0" fontId="0" fillId="2" borderId="0" xfId="0" applyFill="1" applyAlignment="1">
      <alignment vertical="center"/>
    </xf>
    <xf numFmtId="0" fontId="0" fillId="10" borderId="1" xfId="0" applyFill="1" applyBorder="1"/>
    <xf numFmtId="0" fontId="0" fillId="10" borderId="0" xfId="0" applyFill="1" applyAlignment="1">
      <alignment wrapText="1"/>
    </xf>
    <xf numFmtId="0" fontId="3" fillId="0" borderId="0" xfId="0" applyFont="1" applyAlignment="1">
      <alignment horizontal="center" vertical="center"/>
    </xf>
    <xf numFmtId="0" fontId="3" fillId="0" borderId="0" xfId="0" applyFont="1" applyAlignment="1">
      <alignment horizontal="left" vertical="center" indent="6"/>
    </xf>
    <xf numFmtId="0" fontId="5" fillId="0" borderId="0" xfId="0" applyFont="1" applyAlignment="1">
      <alignment horizontal="left" vertical="center" indent="6"/>
    </xf>
    <xf numFmtId="0" fontId="6" fillId="0" borderId="0" xfId="0" applyFont="1"/>
    <xf numFmtId="0" fontId="0" fillId="0" borderId="0" xfId="0" applyAlignment="1">
      <alignment wrapText="1"/>
    </xf>
    <xf numFmtId="0" fontId="0" fillId="6" borderId="0" xfId="0" applyFill="1" applyAlignment="1">
      <alignment wrapText="1"/>
    </xf>
    <xf numFmtId="0" fontId="0" fillId="7" borderId="0" xfId="0" applyFill="1" applyAlignment="1">
      <alignment vertical="center" wrapText="1"/>
    </xf>
    <xf numFmtId="14" fontId="0" fillId="2" borderId="4" xfId="0" applyNumberFormat="1" applyFill="1" applyBorder="1"/>
    <xf numFmtId="14" fontId="0" fillId="2" borderId="6" xfId="0" applyNumberFormat="1" applyFill="1" applyBorder="1"/>
    <xf numFmtId="0" fontId="0" fillId="0" borderId="0" xfId="0" applyBorder="1"/>
    <xf numFmtId="0" fontId="0" fillId="7" borderId="7" xfId="0" applyFill="1" applyBorder="1"/>
    <xf numFmtId="0" fontId="0" fillId="2" borderId="0" xfId="0" applyFill="1" applyBorder="1"/>
    <xf numFmtId="0" fontId="0" fillId="2" borderId="0" xfId="0" applyFill="1" applyAlignment="1">
      <alignment vertical="center" wrapText="1"/>
    </xf>
    <xf numFmtId="0" fontId="0" fillId="8" borderId="0" xfId="0" applyFill="1" applyAlignment="1">
      <alignment horizontal="left" vertical="center" wrapText="1"/>
    </xf>
    <xf numFmtId="0" fontId="0" fillId="6" borderId="0" xfId="0" quotePrefix="1" applyFill="1" applyBorder="1" applyAlignment="1">
      <alignment horizontal="center" wrapText="1"/>
    </xf>
    <xf numFmtId="0" fontId="0" fillId="6" borderId="4" xfId="0" quotePrefix="1" applyFill="1" applyBorder="1" applyAlignment="1">
      <alignment horizontal="center" wrapText="1"/>
    </xf>
    <xf numFmtId="0" fontId="0" fillId="6" borderId="0" xfId="0" quotePrefix="1" applyFill="1" applyAlignment="1">
      <alignment horizontal="center" wrapText="1"/>
    </xf>
    <xf numFmtId="0" fontId="4" fillId="0" borderId="0" xfId="0" applyFont="1" applyAlignment="1">
      <alignment horizontal="left" vertical="center" wrapText="1"/>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5" Type="http://schemas.openxmlformats.org/officeDocument/2006/relationships/styles" Target="styles.xml"/><Relationship Id="rId4" Type="http://schemas.openxmlformats.org/officeDocument/2006/relationships/theme" Target="theme/theme1.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sheetPr>
    <pageSetUpPr fitToPage="1"/>
  </sheetPr>
  <dimension ref="A1:N39"/>
  <sheetViews>
    <sheetView tabSelected="1" workbookViewId="0">
      <selection activeCell="N20" sqref="N20"/>
    </sheetView>
  </sheetViews>
  <sheetFormatPr defaultRowHeight="13.8"/>
  <cols>
    <col min="1" max="1" width="13.09765625" customWidth="1"/>
    <col min="2" max="2" width="18.8984375" customWidth="1"/>
    <col min="3" max="3" width="13" customWidth="1"/>
    <col min="4" max="4" width="35.8984375" customWidth="1"/>
    <col min="5" max="5" width="12.69921875" customWidth="1"/>
    <col min="6" max="6" width="31.09765625" customWidth="1"/>
    <col min="7" max="7" width="13.296875" customWidth="1"/>
    <col min="8" max="8" width="33.296875" customWidth="1"/>
    <col min="9" max="9" width="13.69921875" customWidth="1"/>
    <col min="10" max="10" width="32.3984375" customWidth="1"/>
    <col min="11" max="11" width="12.69921875" customWidth="1"/>
    <col min="12" max="12" width="15.59765625" customWidth="1"/>
  </cols>
  <sheetData>
    <row r="1" spans="1:14" ht="15">
      <c r="A1" s="4" t="s">
        <v>1</v>
      </c>
      <c r="B1" s="5" t="s">
        <v>0</v>
      </c>
      <c r="C1" s="4" t="s">
        <v>2</v>
      </c>
      <c r="D1" s="5" t="s">
        <v>0</v>
      </c>
      <c r="E1" s="4" t="s">
        <v>3</v>
      </c>
      <c r="F1" s="5" t="s">
        <v>0</v>
      </c>
      <c r="G1" s="4" t="s">
        <v>4</v>
      </c>
      <c r="H1" s="5" t="s">
        <v>0</v>
      </c>
      <c r="I1" s="4" t="s">
        <v>5</v>
      </c>
      <c r="J1" s="5" t="s">
        <v>0</v>
      </c>
      <c r="K1" s="4" t="s">
        <v>6</v>
      </c>
      <c r="L1" s="5" t="s">
        <v>0</v>
      </c>
    </row>
    <row r="2" spans="1:14" ht="15">
      <c r="A2" s="6">
        <v>45658</v>
      </c>
      <c r="B2" s="19"/>
      <c r="C2" s="30">
        <v>45689</v>
      </c>
      <c r="D2" s="7"/>
      <c r="E2" s="30">
        <v>45717</v>
      </c>
      <c r="F2" s="7"/>
      <c r="G2" s="6">
        <v>45748</v>
      </c>
      <c r="H2" s="32"/>
      <c r="I2" s="6">
        <v>45778</v>
      </c>
      <c r="J2" s="10" t="s">
        <v>71</v>
      </c>
      <c r="K2" s="6">
        <v>45809</v>
      </c>
      <c r="L2" s="7"/>
      <c r="N2" t="s">
        <v>80</v>
      </c>
    </row>
    <row r="3" spans="1:14" ht="15">
      <c r="A3" s="6">
        <v>45659</v>
      </c>
      <c r="B3" s="19"/>
      <c r="C3" s="6">
        <v>45690</v>
      </c>
      <c r="D3" s="11" t="s">
        <v>76</v>
      </c>
      <c r="E3" s="6">
        <v>45718</v>
      </c>
      <c r="F3" s="7"/>
      <c r="G3" s="6">
        <v>45749</v>
      </c>
      <c r="H3" s="32"/>
      <c r="I3" s="30">
        <v>45779</v>
      </c>
      <c r="J3" s="32"/>
      <c r="K3" s="6">
        <v>45810</v>
      </c>
      <c r="L3" s="7"/>
      <c r="N3" t="s">
        <v>81</v>
      </c>
    </row>
    <row r="4" spans="1:14" ht="15">
      <c r="A4" s="30">
        <v>45660</v>
      </c>
      <c r="B4" s="7"/>
      <c r="C4" s="6">
        <v>45691</v>
      </c>
      <c r="D4" s="32"/>
      <c r="E4" s="6">
        <v>45719</v>
      </c>
      <c r="F4" s="14" t="s">
        <v>83</v>
      </c>
      <c r="G4" s="6">
        <v>45750</v>
      </c>
      <c r="H4" s="19"/>
      <c r="I4" s="30">
        <v>45780</v>
      </c>
      <c r="J4" s="7"/>
      <c r="K4" s="6">
        <v>45811</v>
      </c>
      <c r="L4" s="7"/>
      <c r="N4" t="s">
        <v>82</v>
      </c>
    </row>
    <row r="5" spans="1:14" ht="15">
      <c r="A5" s="30">
        <v>45661</v>
      </c>
      <c r="B5" s="7"/>
      <c r="C5" s="6">
        <v>45692</v>
      </c>
      <c r="D5" s="32"/>
      <c r="E5" s="6">
        <v>45720</v>
      </c>
      <c r="F5" s="32"/>
      <c r="G5" s="30">
        <v>45751</v>
      </c>
      <c r="H5" s="7"/>
      <c r="I5" s="6">
        <v>45781</v>
      </c>
      <c r="J5" s="7"/>
      <c r="K5" s="6">
        <v>45812</v>
      </c>
      <c r="L5" s="7" t="s">
        <v>15</v>
      </c>
    </row>
    <row r="6" spans="1:14" ht="15">
      <c r="A6" s="6">
        <v>45662</v>
      </c>
      <c r="B6" s="7"/>
      <c r="C6" s="6">
        <v>45693</v>
      </c>
      <c r="D6" s="7" t="s">
        <v>15</v>
      </c>
      <c r="E6" s="6">
        <v>45721</v>
      </c>
      <c r="F6" s="7" t="s">
        <v>15</v>
      </c>
      <c r="G6" s="30">
        <v>45752</v>
      </c>
      <c r="H6" s="7"/>
      <c r="I6" s="6">
        <v>45782</v>
      </c>
      <c r="J6" s="7"/>
      <c r="K6" s="6">
        <v>45813</v>
      </c>
      <c r="L6" s="7"/>
    </row>
    <row r="7" spans="1:14" ht="15">
      <c r="A7" s="6">
        <v>45663</v>
      </c>
      <c r="B7" s="7"/>
      <c r="C7" s="6">
        <v>45694</v>
      </c>
      <c r="D7" s="10" t="s">
        <v>24</v>
      </c>
      <c r="E7" s="6">
        <v>45722</v>
      </c>
      <c r="F7" s="19"/>
      <c r="G7" s="6">
        <v>45753</v>
      </c>
      <c r="H7" s="15" t="s">
        <v>12</v>
      </c>
      <c r="I7" s="6">
        <v>45783</v>
      </c>
      <c r="J7" s="32" t="s">
        <v>13</v>
      </c>
      <c r="K7" s="30">
        <v>45814</v>
      </c>
      <c r="L7" s="7"/>
    </row>
    <row r="8" spans="1:14" ht="15.75" thickBot="1">
      <c r="A8" s="6">
        <v>45664</v>
      </c>
      <c r="B8" s="7"/>
      <c r="C8" s="30">
        <v>45695</v>
      </c>
      <c r="D8" s="32"/>
      <c r="E8" s="30">
        <v>45723</v>
      </c>
      <c r="F8" s="32"/>
      <c r="G8" s="6">
        <v>45754</v>
      </c>
      <c r="H8" s="7" t="s">
        <v>14</v>
      </c>
      <c r="I8" s="6">
        <v>45784</v>
      </c>
      <c r="J8" s="10" t="s">
        <v>86</v>
      </c>
      <c r="K8" s="30">
        <v>45815</v>
      </c>
      <c r="L8" s="7"/>
    </row>
    <row r="9" spans="1:14" ht="15.75" thickBot="1">
      <c r="A9" s="6">
        <v>45665</v>
      </c>
      <c r="B9" s="7"/>
      <c r="C9" s="30">
        <v>45696</v>
      </c>
      <c r="D9" s="7"/>
      <c r="E9" s="30">
        <v>45724</v>
      </c>
      <c r="F9" s="7"/>
      <c r="G9" s="6">
        <v>45755</v>
      </c>
      <c r="H9" s="21" t="s">
        <v>16</v>
      </c>
      <c r="I9" s="6">
        <v>45785</v>
      </c>
      <c r="J9" s="32"/>
      <c r="K9" s="6">
        <v>45816</v>
      </c>
      <c r="L9" s="7"/>
    </row>
    <row r="10" spans="1:14" ht="15">
      <c r="A10" s="6">
        <v>45666</v>
      </c>
      <c r="B10" s="32"/>
      <c r="C10" s="6">
        <v>45697</v>
      </c>
      <c r="D10" s="10" t="s">
        <v>25</v>
      </c>
      <c r="E10" s="6">
        <v>45725</v>
      </c>
      <c r="F10" s="7"/>
      <c r="G10" s="6">
        <v>45756</v>
      </c>
      <c r="H10" s="32"/>
      <c r="I10" s="30">
        <v>45786</v>
      </c>
      <c r="J10" s="7"/>
      <c r="K10" s="6">
        <v>45817</v>
      </c>
      <c r="L10" s="7" t="s">
        <v>14</v>
      </c>
    </row>
    <row r="11" spans="1:14" ht="15">
      <c r="A11" s="30">
        <v>45667</v>
      </c>
      <c r="B11" s="7"/>
      <c r="C11" s="6">
        <v>45698</v>
      </c>
      <c r="D11" s="7" t="s">
        <v>14</v>
      </c>
      <c r="E11" s="6">
        <v>45726</v>
      </c>
      <c r="F11" s="7" t="s">
        <v>14</v>
      </c>
      <c r="G11" s="6">
        <v>45757</v>
      </c>
      <c r="H11" s="32"/>
      <c r="I11" s="30">
        <v>45787</v>
      </c>
      <c r="J11" s="7"/>
      <c r="K11" s="6">
        <v>45818</v>
      </c>
      <c r="L11" s="7" t="s">
        <v>13</v>
      </c>
    </row>
    <row r="12" spans="1:14" ht="15">
      <c r="A12" s="30">
        <v>45668</v>
      </c>
      <c r="B12" s="7"/>
      <c r="C12" s="6">
        <v>45699</v>
      </c>
      <c r="D12" s="11" t="s">
        <v>54</v>
      </c>
      <c r="E12" s="6">
        <v>45727</v>
      </c>
      <c r="F12" s="32" t="s">
        <v>13</v>
      </c>
      <c r="G12" s="30">
        <v>45758</v>
      </c>
      <c r="H12" s="7"/>
      <c r="I12" s="6">
        <v>45788</v>
      </c>
      <c r="J12" s="7"/>
      <c r="K12" s="6">
        <v>45819</v>
      </c>
      <c r="L12" s="7" t="s">
        <v>84</v>
      </c>
    </row>
    <row r="13" spans="1:14" ht="15">
      <c r="A13" s="6">
        <v>45669</v>
      </c>
      <c r="B13" s="7"/>
      <c r="C13" s="6">
        <v>45700</v>
      </c>
      <c r="D13" s="34"/>
      <c r="E13" s="6">
        <v>45728</v>
      </c>
      <c r="G13" s="30">
        <v>45759</v>
      </c>
      <c r="H13" s="7"/>
      <c r="I13" s="6">
        <v>45789</v>
      </c>
      <c r="J13" s="7" t="s">
        <v>14</v>
      </c>
      <c r="K13" s="6">
        <v>45820</v>
      </c>
      <c r="L13" s="7"/>
    </row>
    <row r="14" spans="1:14" ht="15">
      <c r="A14" s="6">
        <v>45670</v>
      </c>
      <c r="B14" s="7" t="s">
        <v>14</v>
      </c>
      <c r="C14" s="6">
        <v>45701</v>
      </c>
      <c r="D14" s="19"/>
      <c r="E14" s="6">
        <v>45729</v>
      </c>
      <c r="F14" s="32"/>
      <c r="G14" s="6">
        <v>45760</v>
      </c>
      <c r="H14" s="19"/>
      <c r="I14" s="6">
        <v>45790</v>
      </c>
      <c r="J14" s="7"/>
      <c r="K14" s="30">
        <v>45821</v>
      </c>
      <c r="L14" s="7"/>
    </row>
    <row r="15" spans="1:14" ht="15">
      <c r="A15" s="6">
        <v>45671</v>
      </c>
      <c r="B15" s="7" t="s">
        <v>13</v>
      </c>
      <c r="C15" s="30">
        <v>45702</v>
      </c>
      <c r="D15" s="32"/>
      <c r="E15" s="30">
        <v>45730</v>
      </c>
      <c r="F15" s="7"/>
      <c r="G15" s="6">
        <v>45761</v>
      </c>
      <c r="H15" s="19"/>
      <c r="I15" s="6">
        <v>45791</v>
      </c>
      <c r="J15" s="7"/>
      <c r="K15" s="30">
        <v>45822</v>
      </c>
      <c r="L15" s="7"/>
    </row>
    <row r="16" spans="1:14" ht="15">
      <c r="A16" s="6">
        <v>45672</v>
      </c>
      <c r="B16" s="7" t="s">
        <v>15</v>
      </c>
      <c r="C16" s="30">
        <v>45703</v>
      </c>
      <c r="D16" s="7"/>
      <c r="E16" s="30">
        <v>45731</v>
      </c>
      <c r="F16" s="7"/>
      <c r="G16" s="6">
        <v>45762</v>
      </c>
      <c r="H16" s="19"/>
      <c r="I16" s="6">
        <v>45792</v>
      </c>
      <c r="J16" s="7"/>
      <c r="K16" s="6">
        <v>45823</v>
      </c>
      <c r="L16" s="7"/>
    </row>
    <row r="17" spans="1:12" ht="15">
      <c r="A17" s="6">
        <v>45673</v>
      </c>
      <c r="B17" s="10" t="s">
        <v>7</v>
      </c>
      <c r="C17" s="6">
        <v>45704</v>
      </c>
      <c r="D17" s="19"/>
      <c r="E17" s="6">
        <v>45732</v>
      </c>
      <c r="F17" s="32"/>
      <c r="G17" s="6">
        <v>45763</v>
      </c>
      <c r="H17" s="19" t="s">
        <v>15</v>
      </c>
      <c r="I17" s="30">
        <v>45793</v>
      </c>
      <c r="J17" s="7"/>
      <c r="K17" s="6">
        <v>45824</v>
      </c>
      <c r="L17" s="7"/>
    </row>
    <row r="18" spans="1:12" ht="15">
      <c r="A18" s="30">
        <v>45674</v>
      </c>
      <c r="B18" s="32"/>
      <c r="C18" s="6">
        <v>45705</v>
      </c>
      <c r="D18" s="19"/>
      <c r="E18" s="6">
        <v>45733</v>
      </c>
      <c r="F18" s="34"/>
      <c r="G18" s="6">
        <v>45764</v>
      </c>
      <c r="H18" s="19"/>
      <c r="I18" s="30">
        <v>45794</v>
      </c>
      <c r="J18" s="7"/>
      <c r="K18" s="6">
        <v>45825</v>
      </c>
      <c r="L18" s="7"/>
    </row>
    <row r="19" spans="1:12" ht="15">
      <c r="A19" s="30">
        <v>45675</v>
      </c>
      <c r="B19" s="7"/>
      <c r="C19" s="6">
        <v>45706</v>
      </c>
      <c r="D19" s="32" t="s">
        <v>88</v>
      </c>
      <c r="E19" s="6">
        <v>45734</v>
      </c>
      <c r="F19" s="15" t="s">
        <v>9</v>
      </c>
      <c r="G19" s="30">
        <v>45765</v>
      </c>
      <c r="H19" s="32"/>
      <c r="I19" s="6">
        <v>45795</v>
      </c>
      <c r="J19" s="7"/>
      <c r="K19" s="6">
        <v>45826</v>
      </c>
      <c r="L19" s="7" t="s">
        <v>15</v>
      </c>
    </row>
    <row r="20" spans="1:12" ht="15">
      <c r="A20" s="6">
        <v>45676</v>
      </c>
      <c r="B20" s="19"/>
      <c r="C20" s="6">
        <v>45707</v>
      </c>
      <c r="D20" s="7" t="s">
        <v>15</v>
      </c>
      <c r="E20" s="6">
        <v>45735</v>
      </c>
      <c r="F20" s="7" t="s">
        <v>15</v>
      </c>
      <c r="G20" s="30">
        <v>45766</v>
      </c>
      <c r="H20" s="7"/>
      <c r="I20" s="6">
        <v>45796</v>
      </c>
      <c r="J20" s="16" t="s">
        <v>8</v>
      </c>
      <c r="K20" s="6">
        <v>45827</v>
      </c>
      <c r="L20" s="7"/>
    </row>
    <row r="21" spans="1:12" ht="15">
      <c r="A21" s="6">
        <v>45677</v>
      </c>
      <c r="B21" s="32"/>
      <c r="C21" s="6">
        <v>45708</v>
      </c>
      <c r="D21" s="7"/>
      <c r="E21" s="6">
        <v>45736</v>
      </c>
      <c r="F21" s="19"/>
      <c r="G21" s="6">
        <v>45767</v>
      </c>
      <c r="I21" s="6">
        <v>45797</v>
      </c>
      <c r="J21" s="17" t="s">
        <v>85</v>
      </c>
      <c r="K21" s="30">
        <v>45828</v>
      </c>
      <c r="L21" s="7"/>
    </row>
    <row r="22" spans="1:12" ht="15">
      <c r="A22" s="6">
        <v>45678</v>
      </c>
      <c r="B22" s="7"/>
      <c r="C22" s="30">
        <v>45709</v>
      </c>
      <c r="D22" s="7"/>
      <c r="E22" s="30">
        <v>45737</v>
      </c>
      <c r="F22" s="7"/>
      <c r="G22" s="6">
        <v>45768</v>
      </c>
      <c r="I22" s="6">
        <v>45798</v>
      </c>
      <c r="J22" s="7" t="s">
        <v>15</v>
      </c>
      <c r="K22" s="30">
        <v>45829</v>
      </c>
      <c r="L22" s="7"/>
    </row>
    <row r="23" spans="1:12" ht="15">
      <c r="A23" s="6">
        <v>45679</v>
      </c>
      <c r="B23" s="10" t="s">
        <v>55</v>
      </c>
      <c r="C23" s="30">
        <v>45710</v>
      </c>
      <c r="D23" s="7"/>
      <c r="E23" s="30">
        <v>45738</v>
      </c>
      <c r="F23" s="7"/>
      <c r="G23" s="6">
        <v>45769</v>
      </c>
      <c r="H23" s="14" t="s">
        <v>87</v>
      </c>
      <c r="I23" s="6">
        <v>45799</v>
      </c>
      <c r="J23" s="7"/>
      <c r="K23" s="6">
        <v>45830</v>
      </c>
      <c r="L23" s="7"/>
    </row>
    <row r="24" spans="1:12" ht="15">
      <c r="A24" s="6">
        <v>45680</v>
      </c>
      <c r="B24" s="32"/>
      <c r="C24" s="6">
        <v>45711</v>
      </c>
      <c r="D24" s="7" t="s">
        <v>89</v>
      </c>
      <c r="E24" s="6">
        <v>45739</v>
      </c>
      <c r="F24" s="7"/>
      <c r="G24" s="6">
        <v>45770</v>
      </c>
      <c r="H24" s="10" t="s">
        <v>72</v>
      </c>
      <c r="I24" s="30">
        <v>45800</v>
      </c>
      <c r="J24" s="7"/>
      <c r="K24" s="6">
        <v>45831</v>
      </c>
      <c r="L24" s="7"/>
    </row>
    <row r="25" spans="1:12" ht="15">
      <c r="A25" s="30">
        <v>45681</v>
      </c>
      <c r="B25" s="7"/>
      <c r="C25" s="6">
        <v>45712</v>
      </c>
      <c r="D25" s="7"/>
      <c r="E25" s="6">
        <v>45740</v>
      </c>
      <c r="F25" s="15" t="s">
        <v>10</v>
      </c>
      <c r="G25" s="6">
        <v>45771</v>
      </c>
      <c r="H25" s="32"/>
      <c r="I25" s="30">
        <v>45801</v>
      </c>
      <c r="J25" s="7"/>
      <c r="K25" s="6">
        <v>45832</v>
      </c>
      <c r="L25" s="7" t="s">
        <v>13</v>
      </c>
    </row>
    <row r="26" spans="1:12" ht="15">
      <c r="A26" s="30">
        <v>45682</v>
      </c>
      <c r="B26" s="7"/>
      <c r="C26" s="6">
        <v>45713</v>
      </c>
      <c r="D26" s="7" t="s">
        <v>13</v>
      </c>
      <c r="E26" s="6">
        <v>45741</v>
      </c>
      <c r="F26" s="7" t="s">
        <v>13</v>
      </c>
      <c r="G26" s="30">
        <v>45772</v>
      </c>
      <c r="H26" s="7"/>
      <c r="I26" s="6">
        <v>45802</v>
      </c>
      <c r="J26" s="19"/>
      <c r="K26" s="6">
        <v>45833</v>
      </c>
      <c r="L26" s="7"/>
    </row>
    <row r="27" spans="1:12" ht="15">
      <c r="A27" s="6">
        <v>45683</v>
      </c>
      <c r="B27" s="7"/>
      <c r="C27" s="6">
        <v>45714</v>
      </c>
      <c r="D27" s="7" t="s">
        <v>90</v>
      </c>
      <c r="E27" s="6">
        <v>45742</v>
      </c>
      <c r="F27" s="32"/>
      <c r="G27" s="30">
        <v>45773</v>
      </c>
      <c r="H27" s="7"/>
      <c r="I27" s="6">
        <v>45803</v>
      </c>
      <c r="J27" s="32"/>
      <c r="K27" s="6">
        <v>45834</v>
      </c>
      <c r="L27" s="7"/>
    </row>
    <row r="28" spans="1:12" ht="15">
      <c r="A28" s="6">
        <v>45684</v>
      </c>
      <c r="B28" s="32"/>
      <c r="C28" s="6">
        <v>45715</v>
      </c>
      <c r="D28" s="7"/>
      <c r="E28" s="6">
        <v>45743</v>
      </c>
      <c r="F28" s="32"/>
      <c r="G28" s="6">
        <v>45774</v>
      </c>
      <c r="H28" s="10" t="s">
        <v>69</v>
      </c>
      <c r="I28" s="6">
        <v>45804</v>
      </c>
      <c r="J28" s="7"/>
      <c r="K28" s="30">
        <v>45835</v>
      </c>
      <c r="L28" s="7"/>
    </row>
    <row r="29" spans="1:12" ht="15">
      <c r="A29" s="6">
        <v>45685</v>
      </c>
      <c r="B29" s="7" t="s">
        <v>13</v>
      </c>
      <c r="C29" s="30">
        <v>45716</v>
      </c>
      <c r="D29" s="7"/>
      <c r="E29" s="30">
        <v>45744</v>
      </c>
      <c r="F29" s="7"/>
      <c r="G29" s="6">
        <v>45775</v>
      </c>
      <c r="H29" s="10" t="s">
        <v>70</v>
      </c>
      <c r="I29" s="6">
        <v>45805</v>
      </c>
      <c r="J29" s="7"/>
      <c r="K29" s="30">
        <v>45836</v>
      </c>
      <c r="L29" s="7"/>
    </row>
    <row r="30" spans="1:12" ht="15">
      <c r="A30" s="6">
        <v>45686</v>
      </c>
      <c r="B30" s="7"/>
      <c r="C30" s="12"/>
      <c r="D30" s="7"/>
      <c r="E30" s="30">
        <v>45745</v>
      </c>
      <c r="F30" s="7"/>
      <c r="G30" s="6">
        <v>45776</v>
      </c>
      <c r="I30" s="6">
        <v>45806</v>
      </c>
      <c r="J30" s="7"/>
      <c r="K30" s="6">
        <v>45837</v>
      </c>
      <c r="L30" s="7"/>
    </row>
    <row r="31" spans="1:12" ht="15">
      <c r="A31" s="6">
        <v>45687</v>
      </c>
      <c r="B31" s="7"/>
      <c r="C31" s="12"/>
      <c r="D31" s="7"/>
      <c r="E31" s="6">
        <v>45746</v>
      </c>
      <c r="F31" s="32"/>
      <c r="G31" s="6">
        <v>45777</v>
      </c>
      <c r="H31" s="7"/>
      <c r="I31" s="30">
        <v>45807</v>
      </c>
      <c r="J31" s="7"/>
      <c r="K31" s="6">
        <v>45838</v>
      </c>
      <c r="L31" s="7"/>
    </row>
    <row r="32" spans="1:12" ht="15.75" thickBot="1">
      <c r="A32" s="31">
        <v>45688</v>
      </c>
      <c r="B32" s="9"/>
      <c r="C32" s="13"/>
      <c r="D32" s="9"/>
      <c r="E32" s="8">
        <v>45747</v>
      </c>
      <c r="F32" s="33" t="s">
        <v>11</v>
      </c>
      <c r="G32" s="8"/>
      <c r="H32" s="9"/>
      <c r="I32" s="31">
        <v>45808</v>
      </c>
      <c r="J32" s="9"/>
      <c r="K32" s="8"/>
      <c r="L32" s="9"/>
    </row>
    <row r="35" spans="2:12" ht="114" customHeight="1">
      <c r="B35" s="35" t="s">
        <v>91</v>
      </c>
      <c r="D35" s="1" t="s">
        <v>23</v>
      </c>
      <c r="F35" s="2" t="s">
        <v>92</v>
      </c>
      <c r="H35" s="22" t="s">
        <v>53</v>
      </c>
      <c r="J35" s="28" t="s">
        <v>73</v>
      </c>
      <c r="K35" s="37" t="s">
        <v>68</v>
      </c>
      <c r="L35" s="37"/>
    </row>
    <row r="36" spans="2:12">
      <c r="K36" s="37"/>
      <c r="L36" s="37"/>
    </row>
    <row r="37" spans="2:12" ht="82.8">
      <c r="F37" s="18" t="s">
        <v>79</v>
      </c>
      <c r="H37" s="3" t="s">
        <v>19</v>
      </c>
      <c r="J37" s="36" t="s">
        <v>22</v>
      </c>
      <c r="K37" s="27"/>
    </row>
    <row r="38" spans="2:12" ht="75" customHeight="1">
      <c r="F38" s="3" t="s">
        <v>77</v>
      </c>
      <c r="H38" s="29" t="s">
        <v>20</v>
      </c>
      <c r="J38" s="36"/>
    </row>
    <row r="39" spans="2:12" ht="41.4">
      <c r="F39" s="29" t="s">
        <v>78</v>
      </c>
      <c r="H39" s="3" t="s">
        <v>21</v>
      </c>
      <c r="J39" s="36"/>
    </row>
  </sheetData>
  <mergeCells count="2">
    <mergeCell ref="J37:J39"/>
    <mergeCell ref="K35:L36"/>
  </mergeCells>
  <pageMargins left="0.25" right="0.25" top="0.25" bottom="0.25" header="0.3" footer="0.3"/>
  <pageSetup scale="54" orientation="landscape"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sheetPr>
    <pageSetUpPr fitToPage="1"/>
  </sheetPr>
  <dimension ref="A1:L39"/>
  <sheetViews>
    <sheetView workbookViewId="0">
      <selection activeCell="J3" sqref="J3"/>
    </sheetView>
  </sheetViews>
  <sheetFormatPr defaultRowHeight="13.8"/>
  <cols>
    <col min="1" max="1" width="13.09765625" customWidth="1"/>
    <col min="2" max="2" width="18.8984375" customWidth="1"/>
    <col min="3" max="3" width="13" customWidth="1"/>
    <col min="4" max="4" width="27.69921875" customWidth="1"/>
    <col min="5" max="5" width="12.69921875" customWidth="1"/>
    <col min="6" max="6" width="31.09765625" customWidth="1"/>
    <col min="7" max="7" width="13.296875" customWidth="1"/>
    <col min="8" max="8" width="33.296875" customWidth="1"/>
    <col min="9" max="9" width="13.69921875" customWidth="1"/>
    <col min="10" max="10" width="38.69921875" customWidth="1"/>
    <col min="11" max="11" width="12.69921875" customWidth="1"/>
    <col min="12" max="12" width="20.09765625" customWidth="1"/>
  </cols>
  <sheetData>
    <row r="1" spans="1:12" ht="15">
      <c r="A1" s="4" t="s">
        <v>1</v>
      </c>
      <c r="B1" s="5" t="s">
        <v>0</v>
      </c>
      <c r="C1" s="4" t="s">
        <v>2</v>
      </c>
      <c r="D1" s="5" t="s">
        <v>0</v>
      </c>
      <c r="E1" s="4" t="s">
        <v>3</v>
      </c>
      <c r="F1" s="5" t="s">
        <v>0</v>
      </c>
      <c r="G1" s="4" t="s">
        <v>4</v>
      </c>
      <c r="H1" s="5" t="s">
        <v>0</v>
      </c>
      <c r="I1" s="4" t="s">
        <v>5</v>
      </c>
      <c r="J1" s="5" t="s">
        <v>0</v>
      </c>
      <c r="K1" s="4" t="s">
        <v>6</v>
      </c>
      <c r="L1" s="5" t="s">
        <v>0</v>
      </c>
    </row>
    <row r="2" spans="1:12" ht="15">
      <c r="A2" s="6">
        <v>45658</v>
      </c>
      <c r="B2" s="7"/>
      <c r="C2" s="6">
        <v>45689</v>
      </c>
      <c r="D2" s="7"/>
      <c r="E2" s="6">
        <v>45717</v>
      </c>
      <c r="F2" s="7"/>
      <c r="G2" s="6">
        <v>45748</v>
      </c>
      <c r="H2" s="15" t="s">
        <v>12</v>
      </c>
      <c r="I2" s="6">
        <v>45778</v>
      </c>
      <c r="J2" s="10" t="s">
        <v>95</v>
      </c>
      <c r="K2" s="6">
        <v>45809</v>
      </c>
      <c r="L2" s="7"/>
    </row>
    <row r="3" spans="1:12" ht="15">
      <c r="A3" s="6">
        <v>45659</v>
      </c>
      <c r="B3" s="7"/>
      <c r="C3" s="6">
        <v>45690</v>
      </c>
      <c r="D3" s="7"/>
      <c r="E3" s="6">
        <v>45718</v>
      </c>
      <c r="F3" s="7"/>
      <c r="G3" s="6">
        <v>45749</v>
      </c>
      <c r="H3" s="7"/>
      <c r="I3" s="6">
        <v>45779</v>
      </c>
      <c r="K3" s="6" t="s">
        <v>47</v>
      </c>
      <c r="L3" s="7"/>
    </row>
    <row r="4" spans="1:12" ht="15">
      <c r="A4" s="6">
        <v>45660</v>
      </c>
      <c r="B4" s="7"/>
      <c r="C4" s="6" t="s">
        <v>30</v>
      </c>
      <c r="D4" s="11" t="s">
        <v>76</v>
      </c>
      <c r="E4" s="6" t="s">
        <v>34</v>
      </c>
      <c r="F4" s="7"/>
      <c r="G4" s="6">
        <v>45750</v>
      </c>
      <c r="H4" s="7" t="s">
        <v>15</v>
      </c>
      <c r="I4" s="6">
        <v>45780</v>
      </c>
      <c r="J4" s="7"/>
      <c r="K4" s="6">
        <v>45811</v>
      </c>
      <c r="L4" s="16" t="s">
        <v>8</v>
      </c>
    </row>
    <row r="5" spans="1:12" ht="15">
      <c r="A5" s="6">
        <v>45661</v>
      </c>
      <c r="B5" s="7"/>
      <c r="C5" s="6">
        <v>45692</v>
      </c>
      <c r="E5" s="6">
        <v>45720</v>
      </c>
      <c r="G5" s="6">
        <v>45751</v>
      </c>
      <c r="H5" s="7"/>
      <c r="I5" s="6">
        <v>45781</v>
      </c>
      <c r="J5" s="7"/>
      <c r="K5" s="6">
        <v>45812</v>
      </c>
      <c r="L5" s="17" t="s">
        <v>17</v>
      </c>
    </row>
    <row r="6" spans="1:12" ht="15">
      <c r="A6" s="6">
        <v>45662</v>
      </c>
      <c r="B6" s="7"/>
      <c r="C6" s="6">
        <v>45693</v>
      </c>
      <c r="E6" s="6">
        <v>45721</v>
      </c>
      <c r="F6" s="7"/>
      <c r="G6" s="6">
        <v>45752</v>
      </c>
      <c r="H6" s="7"/>
      <c r="I6" s="6" t="s">
        <v>43</v>
      </c>
      <c r="J6" s="7"/>
      <c r="K6" s="6">
        <v>45813</v>
      </c>
      <c r="L6" s="7" t="s">
        <v>15</v>
      </c>
    </row>
    <row r="7" spans="1:12" ht="15">
      <c r="A7" s="6" t="s">
        <v>26</v>
      </c>
      <c r="B7" s="7"/>
      <c r="C7" s="6">
        <v>45694</v>
      </c>
      <c r="D7" s="7" t="s">
        <v>15</v>
      </c>
      <c r="E7" s="6">
        <v>45722</v>
      </c>
      <c r="F7" s="7" t="s">
        <v>15</v>
      </c>
      <c r="G7" s="6">
        <v>45753</v>
      </c>
      <c r="H7" s="7"/>
      <c r="I7" s="6">
        <v>45783</v>
      </c>
      <c r="J7" s="10" t="s">
        <v>69</v>
      </c>
      <c r="K7" s="6">
        <v>45814</v>
      </c>
      <c r="L7" s="7"/>
    </row>
    <row r="8" spans="1:12" ht="15">
      <c r="A8" s="6">
        <v>45664</v>
      </c>
      <c r="B8" s="7"/>
      <c r="C8" s="6">
        <v>45695</v>
      </c>
      <c r="D8" s="10" t="s">
        <v>24</v>
      </c>
      <c r="E8" s="6">
        <v>45723</v>
      </c>
      <c r="F8" s="19"/>
      <c r="G8" s="6" t="s">
        <v>39</v>
      </c>
      <c r="H8" s="7"/>
      <c r="I8" s="6">
        <v>45784</v>
      </c>
      <c r="J8" s="10" t="s">
        <v>70</v>
      </c>
      <c r="K8" s="6">
        <v>45815</v>
      </c>
      <c r="L8" s="7"/>
    </row>
    <row r="9" spans="1:12" ht="15.75" thickBot="1">
      <c r="A9" s="6">
        <v>45665</v>
      </c>
      <c r="B9" s="7" t="s">
        <v>13</v>
      </c>
      <c r="C9" s="6">
        <v>45696</v>
      </c>
      <c r="D9" s="7"/>
      <c r="E9" s="6">
        <v>45724</v>
      </c>
      <c r="F9" s="7"/>
      <c r="G9" s="6">
        <v>45755</v>
      </c>
      <c r="H9" s="7" t="s">
        <v>14</v>
      </c>
      <c r="I9" s="6">
        <v>45785</v>
      </c>
      <c r="K9" s="6">
        <v>45816</v>
      </c>
      <c r="L9" s="7"/>
    </row>
    <row r="10" spans="1:12" ht="15.75" thickBot="1">
      <c r="A10" s="6">
        <v>45666</v>
      </c>
      <c r="C10" s="6">
        <v>45697</v>
      </c>
      <c r="D10" s="7"/>
      <c r="E10" s="6">
        <v>45725</v>
      </c>
      <c r="F10" s="7"/>
      <c r="G10" s="6">
        <v>45756</v>
      </c>
      <c r="H10" s="21" t="s">
        <v>16</v>
      </c>
      <c r="I10" s="6">
        <v>45786</v>
      </c>
      <c r="J10" s="7"/>
      <c r="K10" s="6" t="s">
        <v>48</v>
      </c>
      <c r="L10" s="7"/>
    </row>
    <row r="11" spans="1:12" ht="15">
      <c r="A11" s="6">
        <v>45667</v>
      </c>
      <c r="B11" s="7"/>
      <c r="C11" s="6" t="s">
        <v>31</v>
      </c>
      <c r="D11" s="10" t="s">
        <v>25</v>
      </c>
      <c r="E11" s="6" t="s">
        <v>35</v>
      </c>
      <c r="F11" s="7"/>
      <c r="G11" s="6">
        <v>45757</v>
      </c>
      <c r="H11" s="7"/>
      <c r="I11" s="6">
        <v>45787</v>
      </c>
      <c r="J11" s="7"/>
      <c r="K11" s="6">
        <v>45818</v>
      </c>
      <c r="L11" s="7" t="s">
        <v>14</v>
      </c>
    </row>
    <row r="12" spans="1:12" ht="15">
      <c r="A12" s="6">
        <v>45668</v>
      </c>
      <c r="B12" s="7"/>
      <c r="C12" s="6">
        <v>45699</v>
      </c>
      <c r="D12" s="7" t="s">
        <v>14</v>
      </c>
      <c r="E12" s="6">
        <v>45727</v>
      </c>
      <c r="F12" s="14" t="s">
        <v>56</v>
      </c>
      <c r="G12" s="6">
        <v>45758</v>
      </c>
      <c r="H12" s="7"/>
      <c r="I12" s="6">
        <v>45788</v>
      </c>
      <c r="J12" s="10" t="s">
        <v>71</v>
      </c>
      <c r="K12" s="6">
        <v>45819</v>
      </c>
      <c r="L12" s="7" t="s">
        <v>13</v>
      </c>
    </row>
    <row r="13" spans="1:12" ht="15">
      <c r="A13" s="6">
        <v>45669</v>
      </c>
      <c r="B13" s="7"/>
      <c r="C13" s="6">
        <v>45700</v>
      </c>
      <c r="D13" s="11" t="s">
        <v>54</v>
      </c>
      <c r="E13" s="6">
        <v>45728</v>
      </c>
      <c r="F13" s="7" t="s">
        <v>13</v>
      </c>
      <c r="G13" s="6">
        <v>45759</v>
      </c>
      <c r="H13" s="7"/>
      <c r="I13" s="6" t="s">
        <v>44</v>
      </c>
      <c r="J13" s="7"/>
      <c r="K13" s="6">
        <v>45820</v>
      </c>
      <c r="L13" s="7"/>
    </row>
    <row r="14" spans="1:12" ht="15">
      <c r="A14" s="6" t="s">
        <v>27</v>
      </c>
      <c r="B14" s="7"/>
      <c r="C14" s="6">
        <v>45701</v>
      </c>
      <c r="D14" s="7"/>
      <c r="E14" s="6">
        <v>45729</v>
      </c>
      <c r="G14" s="6">
        <v>45760</v>
      </c>
      <c r="H14" s="7"/>
      <c r="I14" s="6">
        <v>45790</v>
      </c>
      <c r="J14" s="7" t="s">
        <v>14</v>
      </c>
      <c r="K14" s="6">
        <v>45821</v>
      </c>
      <c r="L14" s="7"/>
    </row>
    <row r="15" spans="1:12" ht="15">
      <c r="A15" s="6">
        <v>45671</v>
      </c>
      <c r="B15" s="7" t="s">
        <v>14</v>
      </c>
      <c r="C15" s="6">
        <v>45702</v>
      </c>
      <c r="D15" s="19"/>
      <c r="E15" s="6">
        <v>45730</v>
      </c>
      <c r="F15" s="7"/>
      <c r="G15" s="6" t="s">
        <v>40</v>
      </c>
      <c r="H15" s="19"/>
      <c r="I15" s="6">
        <v>45791</v>
      </c>
      <c r="J15" s="7" t="s">
        <v>13</v>
      </c>
      <c r="K15" s="6">
        <v>45822</v>
      </c>
      <c r="L15" s="7"/>
    </row>
    <row r="16" spans="1:12" ht="15">
      <c r="A16" s="6">
        <v>45672</v>
      </c>
      <c r="B16" s="7"/>
      <c r="C16" s="6">
        <v>45703</v>
      </c>
      <c r="D16" s="7"/>
      <c r="E16" s="6">
        <v>45731</v>
      </c>
      <c r="F16" s="7"/>
      <c r="G16" s="6">
        <v>45762</v>
      </c>
      <c r="H16" s="19"/>
      <c r="I16" s="6">
        <v>45792</v>
      </c>
      <c r="J16" s="7" t="s">
        <v>15</v>
      </c>
      <c r="K16" s="6">
        <v>45823</v>
      </c>
      <c r="L16" s="7"/>
    </row>
    <row r="17" spans="1:12" ht="15">
      <c r="A17" s="6">
        <v>45673</v>
      </c>
      <c r="B17" s="7" t="s">
        <v>15</v>
      </c>
      <c r="C17" s="6">
        <v>45704</v>
      </c>
      <c r="D17" s="7"/>
      <c r="E17" s="6">
        <v>45732</v>
      </c>
      <c r="F17" s="7"/>
      <c r="G17" s="6">
        <v>45763</v>
      </c>
      <c r="H17" s="19"/>
      <c r="I17" s="6">
        <v>45793</v>
      </c>
      <c r="J17" s="7"/>
      <c r="K17" s="6" t="s">
        <v>49</v>
      </c>
      <c r="L17" s="7"/>
    </row>
    <row r="18" spans="1:12" ht="15">
      <c r="A18" s="6">
        <v>45674</v>
      </c>
      <c r="B18" s="10" t="s">
        <v>7</v>
      </c>
      <c r="C18" s="6" t="s">
        <v>32</v>
      </c>
      <c r="D18" s="19"/>
      <c r="E18" s="6" t="s">
        <v>36</v>
      </c>
      <c r="F18" s="15" t="s">
        <v>9</v>
      </c>
      <c r="G18" s="6">
        <v>45764</v>
      </c>
      <c r="H18" s="19" t="s">
        <v>15</v>
      </c>
      <c r="I18" s="6">
        <v>45794</v>
      </c>
      <c r="J18" s="7"/>
      <c r="K18" s="6">
        <v>45825</v>
      </c>
      <c r="L18" s="7"/>
    </row>
    <row r="19" spans="1:12" ht="15">
      <c r="A19" s="6">
        <v>45675</v>
      </c>
      <c r="B19" s="7"/>
      <c r="C19" s="6">
        <v>45706</v>
      </c>
      <c r="D19" s="19"/>
      <c r="E19" s="6">
        <v>45734</v>
      </c>
      <c r="G19" s="6">
        <v>45765</v>
      </c>
      <c r="H19" s="19"/>
      <c r="I19" s="6">
        <v>45795</v>
      </c>
      <c r="J19" s="7"/>
      <c r="K19" s="6">
        <v>45826</v>
      </c>
      <c r="L19" s="7"/>
    </row>
    <row r="20" spans="1:12" ht="15">
      <c r="A20" s="6">
        <v>45676</v>
      </c>
      <c r="B20" s="7"/>
      <c r="C20" s="6">
        <v>45707</v>
      </c>
      <c r="D20" s="7" t="s">
        <v>74</v>
      </c>
      <c r="E20" s="6">
        <v>45735</v>
      </c>
      <c r="F20" s="15" t="s">
        <v>10</v>
      </c>
      <c r="G20" s="6">
        <v>45766</v>
      </c>
      <c r="H20" s="7"/>
      <c r="I20" s="6" t="s">
        <v>45</v>
      </c>
      <c r="J20" s="7"/>
      <c r="K20" s="6">
        <v>45827</v>
      </c>
      <c r="L20" s="7" t="s">
        <v>15</v>
      </c>
    </row>
    <row r="21" spans="1:12" ht="15.75" thickBot="1">
      <c r="A21" s="6" t="s">
        <v>28</v>
      </c>
      <c r="B21" s="19"/>
      <c r="C21" s="6">
        <v>45708</v>
      </c>
      <c r="D21" s="7" t="s">
        <v>15</v>
      </c>
      <c r="E21" s="6">
        <v>45736</v>
      </c>
      <c r="F21" s="7" t="s">
        <v>15</v>
      </c>
      <c r="G21" s="6">
        <v>45767</v>
      </c>
      <c r="H21" s="7"/>
      <c r="I21" s="6">
        <v>45797</v>
      </c>
      <c r="K21" s="6">
        <v>45828</v>
      </c>
      <c r="L21" s="7"/>
    </row>
    <row r="22" spans="1:12" ht="15.75" thickBot="1">
      <c r="A22" s="6">
        <v>45678</v>
      </c>
      <c r="B22" s="7"/>
      <c r="C22" s="6">
        <v>45709</v>
      </c>
      <c r="D22" s="7"/>
      <c r="E22" s="6">
        <v>45737</v>
      </c>
      <c r="F22" s="7"/>
      <c r="G22" s="6" t="s">
        <v>41</v>
      </c>
      <c r="H22" s="21" t="s">
        <v>94</v>
      </c>
      <c r="I22" s="6">
        <v>45798</v>
      </c>
      <c r="K22" s="6">
        <v>45829</v>
      </c>
      <c r="L22" s="7"/>
    </row>
    <row r="23" spans="1:12" ht="15">
      <c r="A23" s="6">
        <v>45679</v>
      </c>
      <c r="B23" s="7" t="s">
        <v>13</v>
      </c>
      <c r="C23" s="6">
        <v>45710</v>
      </c>
      <c r="D23" s="7"/>
      <c r="E23" s="6">
        <v>45738</v>
      </c>
      <c r="F23" s="7"/>
      <c r="G23" s="6">
        <v>45769</v>
      </c>
      <c r="H23" s="7"/>
      <c r="I23" s="6">
        <v>45799</v>
      </c>
      <c r="J23" s="10" t="s">
        <v>18</v>
      </c>
      <c r="K23" s="6">
        <v>45830</v>
      </c>
      <c r="L23" s="7"/>
    </row>
    <row r="24" spans="1:12" ht="15">
      <c r="A24" s="6">
        <v>45680</v>
      </c>
      <c r="B24" s="10" t="s">
        <v>55</v>
      </c>
      <c r="C24" s="6">
        <v>45711</v>
      </c>
      <c r="D24" s="7"/>
      <c r="E24" s="6">
        <v>45739</v>
      </c>
      <c r="F24" s="7"/>
      <c r="G24" s="6">
        <v>45770</v>
      </c>
      <c r="I24" s="6">
        <v>45800</v>
      </c>
      <c r="J24" s="7"/>
      <c r="K24" s="6" t="s">
        <v>50</v>
      </c>
      <c r="L24" s="7"/>
    </row>
    <row r="25" spans="1:12" ht="15">
      <c r="A25" s="6">
        <v>45681</v>
      </c>
      <c r="B25" s="7"/>
      <c r="C25" s="6" t="s">
        <v>33</v>
      </c>
      <c r="D25" s="7"/>
      <c r="E25" s="6" t="s">
        <v>37</v>
      </c>
      <c r="G25" s="6">
        <v>45771</v>
      </c>
      <c r="I25" s="6">
        <v>45801</v>
      </c>
      <c r="J25" s="7"/>
      <c r="K25" s="6">
        <v>45832</v>
      </c>
      <c r="L25" s="7"/>
    </row>
    <row r="26" spans="1:12" ht="15">
      <c r="A26" s="6">
        <v>45682</v>
      </c>
      <c r="B26" s="7"/>
      <c r="C26" s="6">
        <v>45713</v>
      </c>
      <c r="D26" s="7" t="s">
        <v>75</v>
      </c>
      <c r="E26" s="6">
        <v>45741</v>
      </c>
      <c r="F26" s="7"/>
      <c r="G26" s="6">
        <v>45772</v>
      </c>
      <c r="H26" s="7"/>
      <c r="I26" s="6">
        <v>45802</v>
      </c>
      <c r="J26" s="7"/>
      <c r="K26" s="6">
        <v>45833</v>
      </c>
      <c r="L26" s="7" t="s">
        <v>13</v>
      </c>
    </row>
    <row r="27" spans="1:12" ht="15">
      <c r="A27" s="6">
        <v>45683</v>
      </c>
      <c r="B27" s="7"/>
      <c r="C27" s="6">
        <v>45714</v>
      </c>
      <c r="D27" s="7" t="s">
        <v>13</v>
      </c>
      <c r="E27" s="6">
        <v>45742</v>
      </c>
      <c r="F27" s="7" t="s">
        <v>13</v>
      </c>
      <c r="G27" s="6">
        <v>45773</v>
      </c>
      <c r="H27" s="7"/>
      <c r="I27" s="6" t="s">
        <v>46</v>
      </c>
      <c r="J27" s="19"/>
      <c r="K27" s="6">
        <v>45834</v>
      </c>
      <c r="L27" s="7"/>
    </row>
    <row r="28" spans="1:12" ht="15">
      <c r="A28" s="6" t="s">
        <v>29</v>
      </c>
      <c r="C28" s="6">
        <v>45715</v>
      </c>
      <c r="D28" s="7" t="s">
        <v>75</v>
      </c>
      <c r="E28" s="6">
        <v>45743</v>
      </c>
      <c r="F28" s="15" t="s">
        <v>11</v>
      </c>
      <c r="G28" s="6">
        <v>45774</v>
      </c>
      <c r="I28" s="6">
        <v>45804</v>
      </c>
      <c r="J28" s="7"/>
      <c r="K28" s="6">
        <v>45835</v>
      </c>
      <c r="L28" s="7"/>
    </row>
    <row r="29" spans="1:12" ht="15">
      <c r="A29" s="6">
        <v>45685</v>
      </c>
      <c r="B29" s="7"/>
      <c r="C29" s="6">
        <v>45716</v>
      </c>
      <c r="D29" s="7"/>
      <c r="E29" s="6">
        <v>45744</v>
      </c>
      <c r="F29" s="7"/>
      <c r="G29" s="6" t="s">
        <v>42</v>
      </c>
      <c r="I29" s="6">
        <v>45805</v>
      </c>
      <c r="J29" s="7" t="s">
        <v>13</v>
      </c>
      <c r="K29" s="6">
        <v>45836</v>
      </c>
      <c r="L29" s="7"/>
    </row>
    <row r="30" spans="1:12" ht="15">
      <c r="A30" s="6">
        <v>45686</v>
      </c>
      <c r="B30" s="7"/>
      <c r="C30" s="12"/>
      <c r="D30" s="7"/>
      <c r="E30" s="6">
        <v>45745</v>
      </c>
      <c r="F30" s="7"/>
      <c r="G30" s="6">
        <v>45776</v>
      </c>
      <c r="H30" s="14" t="s">
        <v>93</v>
      </c>
      <c r="I30" s="6">
        <v>45806</v>
      </c>
      <c r="J30" s="7"/>
      <c r="K30" s="6">
        <v>45837</v>
      </c>
      <c r="L30" s="7"/>
    </row>
    <row r="31" spans="1:12" ht="15">
      <c r="A31" s="6">
        <v>45687</v>
      </c>
      <c r="B31" s="7"/>
      <c r="C31" s="12"/>
      <c r="D31" s="7"/>
      <c r="E31" s="6">
        <v>45746</v>
      </c>
      <c r="F31" s="7"/>
      <c r="G31" s="6">
        <v>45777</v>
      </c>
      <c r="H31" s="7"/>
      <c r="I31" s="6">
        <v>45807</v>
      </c>
      <c r="J31" s="7"/>
      <c r="K31" s="6" t="s">
        <v>51</v>
      </c>
      <c r="L31" s="7"/>
    </row>
    <row r="32" spans="1:12" ht="15.75" thickBot="1">
      <c r="A32" s="8">
        <v>45688</v>
      </c>
      <c r="B32" s="9"/>
      <c r="C32" s="13"/>
      <c r="D32" s="9"/>
      <c r="E32" s="8" t="s">
        <v>38</v>
      </c>
      <c r="F32" s="9"/>
      <c r="G32" s="8"/>
      <c r="H32" s="9"/>
      <c r="I32" s="8">
        <v>45808</v>
      </c>
      <c r="J32" s="9"/>
      <c r="K32" s="8"/>
      <c r="L32" s="9"/>
    </row>
    <row r="35" spans="2:12" ht="114" customHeight="1">
      <c r="B35" s="20" t="s">
        <v>52</v>
      </c>
      <c r="D35" s="1" t="s">
        <v>23</v>
      </c>
      <c r="F35" s="2" t="s">
        <v>67</v>
      </c>
      <c r="H35" s="22" t="s">
        <v>53</v>
      </c>
      <c r="J35" s="28" t="s">
        <v>73</v>
      </c>
      <c r="K35" s="38" t="s">
        <v>68</v>
      </c>
      <c r="L35" s="39"/>
    </row>
    <row r="37" spans="2:12" ht="82.8">
      <c r="F37" s="18" t="s">
        <v>79</v>
      </c>
      <c r="H37" s="3" t="s">
        <v>19</v>
      </c>
      <c r="J37" s="36" t="s">
        <v>22</v>
      </c>
      <c r="K37" s="27"/>
    </row>
    <row r="38" spans="2:12" ht="75" customHeight="1">
      <c r="F38" s="3" t="s">
        <v>77</v>
      </c>
      <c r="H38" s="29" t="s">
        <v>20</v>
      </c>
      <c r="J38" s="36"/>
    </row>
    <row r="39" spans="2:12" ht="41.4">
      <c r="F39" s="29" t="s">
        <v>78</v>
      </c>
      <c r="H39" s="3" t="s">
        <v>21</v>
      </c>
      <c r="J39" s="36"/>
    </row>
  </sheetData>
  <mergeCells count="2">
    <mergeCell ref="J37:J39"/>
    <mergeCell ref="K35:L35"/>
  </mergeCells>
  <pageMargins left="0.25" right="0.25" top="0.25" bottom="0.25" header="0.3" footer="0.3"/>
  <pageSetup scale="53" orientation="landscape"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dimension ref="B3:S22"/>
  <sheetViews>
    <sheetView workbookViewId="0">
      <selection activeCell="U18" sqref="U18"/>
    </sheetView>
  </sheetViews>
  <sheetFormatPr defaultRowHeight="13.8"/>
  <sheetData>
    <row r="3" spans="2:19" ht="20.25">
      <c r="B3" s="23"/>
      <c r="C3" s="23" t="s">
        <v>57</v>
      </c>
    </row>
    <row r="4" spans="2:19" ht="20.25">
      <c r="B4" s="23"/>
    </row>
    <row r="5" spans="2:19" ht="72" customHeight="1">
      <c r="B5" s="40" t="s">
        <v>58</v>
      </c>
      <c r="C5" s="40"/>
      <c r="D5" s="40"/>
      <c r="E5" s="40"/>
      <c r="F5" s="40"/>
      <c r="G5" s="40"/>
      <c r="H5" s="40"/>
      <c r="I5" s="40"/>
      <c r="J5" s="40"/>
      <c r="K5" s="40"/>
      <c r="L5" s="40"/>
      <c r="M5" s="40"/>
      <c r="N5" s="40"/>
      <c r="O5" s="40"/>
      <c r="P5" s="40"/>
      <c r="Q5" s="40"/>
      <c r="R5" s="40"/>
      <c r="S5" s="40"/>
    </row>
    <row r="6" spans="2:19" ht="18.75">
      <c r="B6" s="25"/>
      <c r="C6" s="26"/>
      <c r="D6" s="26"/>
      <c r="E6" s="26"/>
      <c r="F6" s="26"/>
      <c r="G6" s="26"/>
      <c r="H6" s="26"/>
      <c r="I6" s="26"/>
      <c r="J6" s="26"/>
      <c r="K6" s="26"/>
      <c r="L6" s="26"/>
      <c r="M6" s="26"/>
      <c r="N6" s="26"/>
      <c r="O6" s="26"/>
      <c r="P6" s="26"/>
      <c r="Q6" s="26"/>
      <c r="R6" s="26"/>
      <c r="S6" s="26"/>
    </row>
    <row r="7" spans="2:19" ht="18">
      <c r="B7" s="40" t="s">
        <v>59</v>
      </c>
      <c r="C7" s="40"/>
      <c r="D7" s="40"/>
      <c r="E7" s="40"/>
      <c r="F7" s="40"/>
      <c r="G7" s="40"/>
      <c r="H7" s="40"/>
      <c r="I7" s="40"/>
      <c r="J7" s="40"/>
      <c r="K7" s="40"/>
      <c r="L7" s="40"/>
      <c r="M7" s="40"/>
      <c r="N7" s="40"/>
      <c r="O7" s="40"/>
      <c r="P7" s="40"/>
      <c r="Q7" s="40"/>
      <c r="R7" s="40"/>
      <c r="S7" s="40"/>
    </row>
    <row r="8" spans="2:19" ht="18.75">
      <c r="B8" s="25"/>
      <c r="C8" s="26"/>
      <c r="D8" s="26"/>
      <c r="E8" s="26"/>
      <c r="F8" s="26"/>
      <c r="G8" s="26"/>
      <c r="H8" s="26"/>
      <c r="I8" s="26"/>
      <c r="J8" s="26"/>
      <c r="K8" s="26"/>
      <c r="L8" s="26"/>
      <c r="M8" s="26"/>
      <c r="N8" s="26"/>
      <c r="O8" s="26"/>
      <c r="P8" s="26"/>
      <c r="Q8" s="26"/>
      <c r="R8" s="26"/>
      <c r="S8" s="26"/>
    </row>
    <row r="9" spans="2:19" ht="37.950000000000003" customHeight="1">
      <c r="B9" s="40" t="s">
        <v>60</v>
      </c>
      <c r="C9" s="40"/>
      <c r="D9" s="40"/>
      <c r="E9" s="40"/>
      <c r="F9" s="40"/>
      <c r="G9" s="40"/>
      <c r="H9" s="40"/>
      <c r="I9" s="40"/>
      <c r="J9" s="40"/>
      <c r="K9" s="40"/>
      <c r="L9" s="40"/>
      <c r="M9" s="40"/>
      <c r="N9" s="40"/>
      <c r="O9" s="40"/>
      <c r="P9" s="40"/>
      <c r="Q9" s="40"/>
      <c r="R9" s="40"/>
      <c r="S9" s="40"/>
    </row>
    <row r="10" spans="2:19" ht="18.75">
      <c r="B10" s="25"/>
      <c r="C10" s="26"/>
      <c r="D10" s="26"/>
      <c r="E10" s="26"/>
      <c r="F10" s="26"/>
      <c r="G10" s="26"/>
      <c r="H10" s="26"/>
      <c r="I10" s="26"/>
      <c r="J10" s="26"/>
      <c r="K10" s="26"/>
      <c r="L10" s="26"/>
      <c r="M10" s="26"/>
      <c r="N10" s="26"/>
      <c r="O10" s="26"/>
      <c r="P10" s="26"/>
      <c r="Q10" s="26"/>
      <c r="R10" s="26"/>
      <c r="S10" s="26"/>
    </row>
    <row r="11" spans="2:19" ht="36.6" customHeight="1">
      <c r="B11" s="40" t="s">
        <v>61</v>
      </c>
      <c r="C11" s="40"/>
      <c r="D11" s="40"/>
      <c r="E11" s="40"/>
      <c r="F11" s="40"/>
      <c r="G11" s="40"/>
      <c r="H11" s="40"/>
      <c r="I11" s="40"/>
      <c r="J11" s="40"/>
      <c r="K11" s="40"/>
      <c r="L11" s="40"/>
      <c r="M11" s="40"/>
      <c r="N11" s="40"/>
      <c r="O11" s="40"/>
      <c r="P11" s="40"/>
      <c r="Q11" s="40"/>
      <c r="R11" s="40"/>
      <c r="S11" s="40"/>
    </row>
    <row r="12" spans="2:19" ht="18.75">
      <c r="B12" s="25"/>
      <c r="C12" s="26"/>
      <c r="D12" s="26"/>
      <c r="E12" s="26"/>
      <c r="F12" s="26"/>
      <c r="G12" s="26"/>
      <c r="H12" s="26"/>
      <c r="I12" s="26"/>
      <c r="J12" s="26"/>
      <c r="K12" s="26"/>
      <c r="L12" s="26"/>
      <c r="M12" s="26"/>
      <c r="N12" s="26"/>
      <c r="O12" s="26"/>
      <c r="P12" s="26"/>
      <c r="Q12" s="26"/>
      <c r="R12" s="26"/>
      <c r="S12" s="26"/>
    </row>
    <row r="13" spans="2:19" ht="39" customHeight="1">
      <c r="B13" s="40" t="s">
        <v>62</v>
      </c>
      <c r="C13" s="40"/>
      <c r="D13" s="40"/>
      <c r="E13" s="40"/>
      <c r="F13" s="40"/>
      <c r="G13" s="40"/>
      <c r="H13" s="40"/>
      <c r="I13" s="40"/>
      <c r="J13" s="40"/>
      <c r="K13" s="40"/>
      <c r="L13" s="40"/>
      <c r="M13" s="40"/>
      <c r="N13" s="40"/>
      <c r="O13" s="40"/>
      <c r="P13" s="40"/>
      <c r="Q13" s="40"/>
      <c r="R13" s="40"/>
      <c r="S13" s="40"/>
    </row>
    <row r="14" spans="2:19" ht="18.75">
      <c r="B14" s="25"/>
      <c r="C14" s="26"/>
      <c r="D14" s="26"/>
      <c r="E14" s="26"/>
      <c r="F14" s="26"/>
      <c r="G14" s="26"/>
      <c r="H14" s="26"/>
      <c r="I14" s="26"/>
      <c r="J14" s="26"/>
      <c r="K14" s="26"/>
      <c r="L14" s="26"/>
      <c r="M14" s="26"/>
      <c r="N14" s="26"/>
      <c r="O14" s="26"/>
      <c r="P14" s="26"/>
      <c r="Q14" s="26"/>
      <c r="R14" s="26"/>
      <c r="S14" s="26"/>
    </row>
    <row r="15" spans="2:19" ht="40.200000000000003" customHeight="1">
      <c r="B15" s="40" t="s">
        <v>63</v>
      </c>
      <c r="C15" s="40"/>
      <c r="D15" s="40"/>
      <c r="E15" s="40"/>
      <c r="F15" s="40"/>
      <c r="G15" s="40"/>
      <c r="H15" s="40"/>
      <c r="I15" s="40"/>
      <c r="J15" s="40"/>
      <c r="K15" s="40"/>
      <c r="L15" s="40"/>
      <c r="M15" s="40"/>
      <c r="N15" s="40"/>
      <c r="O15" s="40"/>
      <c r="P15" s="40"/>
      <c r="Q15" s="40"/>
      <c r="R15" s="40"/>
      <c r="S15" s="40"/>
    </row>
    <row r="16" spans="2:19" ht="18.75">
      <c r="B16" s="25"/>
      <c r="C16" s="26"/>
      <c r="D16" s="26"/>
      <c r="E16" s="26"/>
      <c r="F16" s="26"/>
      <c r="G16" s="26"/>
      <c r="H16" s="26"/>
      <c r="I16" s="26"/>
      <c r="J16" s="26"/>
      <c r="K16" s="26"/>
      <c r="L16" s="26"/>
      <c r="M16" s="26"/>
      <c r="N16" s="26"/>
      <c r="O16" s="26"/>
      <c r="P16" s="26"/>
      <c r="Q16" s="26"/>
      <c r="R16" s="26"/>
      <c r="S16" s="26"/>
    </row>
    <row r="17" spans="2:19" ht="38.4" customHeight="1">
      <c r="B17" s="40" t="s">
        <v>64</v>
      </c>
      <c r="C17" s="40"/>
      <c r="D17" s="40"/>
      <c r="E17" s="40"/>
      <c r="F17" s="40"/>
      <c r="G17" s="40"/>
      <c r="H17" s="40"/>
      <c r="I17" s="40"/>
      <c r="J17" s="40"/>
      <c r="K17" s="40"/>
      <c r="L17" s="40"/>
      <c r="M17" s="40"/>
      <c r="N17" s="40"/>
      <c r="O17" s="40"/>
      <c r="P17" s="40"/>
      <c r="Q17" s="40"/>
      <c r="R17" s="40"/>
      <c r="S17" s="40"/>
    </row>
    <row r="18" spans="2:19" ht="18.75">
      <c r="B18" s="25"/>
      <c r="C18" s="26"/>
      <c r="D18" s="26"/>
      <c r="E18" s="26"/>
      <c r="F18" s="26"/>
      <c r="G18" s="26"/>
      <c r="H18" s="26"/>
      <c r="I18" s="26"/>
      <c r="J18" s="26"/>
      <c r="K18" s="26"/>
      <c r="L18" s="26"/>
      <c r="M18" s="26"/>
      <c r="N18" s="26"/>
      <c r="O18" s="26"/>
      <c r="P18" s="26"/>
      <c r="Q18" s="26"/>
      <c r="R18" s="26"/>
      <c r="S18" s="26"/>
    </row>
    <row r="19" spans="2:19" ht="26.4" customHeight="1">
      <c r="B19" s="40" t="s">
        <v>65</v>
      </c>
      <c r="C19" s="40"/>
      <c r="D19" s="40"/>
      <c r="E19" s="40"/>
      <c r="F19" s="40"/>
      <c r="G19" s="40"/>
      <c r="H19" s="40"/>
      <c r="I19" s="40"/>
      <c r="J19" s="40"/>
      <c r="K19" s="40"/>
      <c r="L19" s="40"/>
      <c r="M19" s="40"/>
      <c r="N19" s="40"/>
      <c r="O19" s="40"/>
      <c r="P19" s="40"/>
      <c r="Q19" s="40"/>
      <c r="R19" s="40"/>
      <c r="S19" s="40"/>
    </row>
    <row r="20" spans="2:19" ht="18.75">
      <c r="B20" s="25"/>
      <c r="C20" s="26"/>
      <c r="D20" s="26"/>
      <c r="E20" s="26"/>
      <c r="F20" s="26"/>
      <c r="G20" s="26"/>
      <c r="H20" s="26"/>
      <c r="I20" s="26"/>
      <c r="J20" s="26"/>
      <c r="K20" s="26"/>
      <c r="L20" s="26"/>
      <c r="M20" s="26"/>
      <c r="N20" s="26"/>
      <c r="O20" s="26"/>
      <c r="P20" s="26"/>
      <c r="Q20" s="26"/>
      <c r="R20" s="26"/>
      <c r="S20" s="26"/>
    </row>
    <row r="21" spans="2:19" ht="24.6" customHeight="1">
      <c r="B21" s="40" t="s">
        <v>66</v>
      </c>
      <c r="C21" s="40"/>
      <c r="D21" s="40"/>
      <c r="E21" s="40"/>
      <c r="F21" s="40"/>
      <c r="G21" s="40"/>
      <c r="H21" s="40"/>
      <c r="I21" s="40"/>
      <c r="J21" s="40"/>
      <c r="K21" s="40"/>
      <c r="L21" s="40"/>
      <c r="M21" s="40"/>
      <c r="N21" s="40"/>
      <c r="O21" s="40"/>
      <c r="P21" s="40"/>
      <c r="Q21" s="40"/>
      <c r="R21" s="40"/>
      <c r="S21" s="40"/>
    </row>
    <row r="22" spans="2:19" ht="20.25">
      <c r="B22" s="24"/>
    </row>
  </sheetData>
  <mergeCells count="9">
    <mergeCell ref="B15:S15"/>
    <mergeCell ref="B17:S17"/>
    <mergeCell ref="B19:S19"/>
    <mergeCell ref="B21:S21"/>
    <mergeCell ref="B5:S5"/>
    <mergeCell ref="B7:S7"/>
    <mergeCell ref="B9:S9"/>
    <mergeCell ref="B11:S11"/>
    <mergeCell ref="B13:S13"/>
  </mergeCell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95683244-26A1-4746-B006-DA51C31C8A86}">
  <ds:schemaRefs/>
</ds:datastoreItem>
</file>

<file path=customXml/itemProps2.xml><?xml version="1.0" encoding="utf-8"?>
<ds:datastoreItem xmlns:ds="http://schemas.openxmlformats.org/officeDocument/2006/customXml" ds:itemID="{09488BA5-2623-4FB4-BE56-5C12DE10E8BB}">
  <ds:schemaRefs/>
</ds:datastoreItem>
</file>

<file path=docProps/app.xml><?xml version="1.0" encoding="utf-8"?>
<Properties xmlns="http://schemas.openxmlformats.org/officeDocument/2006/extended-properties" xmlns:vt="http://schemas.openxmlformats.org/officeDocument/2006/docPropsVTypes">
  <Template/>
  <Application>Microsoft Excel</Application>
  <DocSecurity>0</DocSecurity>
  <ScaleCrop>false</ScaleCrop>
  <HeadingPairs>
    <vt:vector size="4" baseType="variant">
      <vt:variant>
        <vt:lpstr>Worksheets</vt:lpstr>
      </vt:variant>
      <vt:variant>
        <vt:i4>3</vt:i4>
      </vt:variant>
      <vt:variant>
        <vt:lpstr>Named Ranges</vt:lpstr>
      </vt:variant>
      <vt:variant>
        <vt:i4>2</vt:i4>
      </vt:variant>
    </vt:vector>
  </HeadingPairs>
  <TitlesOfParts>
    <vt:vector size="5" baseType="lpstr">
      <vt:lpstr>Draft 26-27</vt:lpstr>
      <vt:lpstr>25-26</vt:lpstr>
      <vt:lpstr>Sheet2</vt:lpstr>
      <vt:lpstr>'25-26'!Print_Area</vt:lpstr>
      <vt:lpstr>'Draft 26-27'!Print_Area</vt:lpstr>
    </vt:vector>
  </TitlesOfParts>
  <Manager/>
  <Company/>
  <LinksUpToDate>false</LinksUpToDate>
  <SharedDoc>false</SharedDoc>
  <HyperlinksChanged>false</HyperlinksChanged>
  <AppVersion>15.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10-28T19:38:54Z</dcterms:created>
  <dcterms:modified xsi:type="dcterms:W3CDTF">2025-12-07T17:53: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igna</vt:lpwstr>
  </property>
  <property fmtid="{D5CDD505-2E9C-101B-9397-08002B2CF9AE}" pid="3" name="TemplafyTemplateId">
    <vt:lpwstr>1031319307673141273</vt:lpwstr>
  </property>
  <property fmtid="{D5CDD505-2E9C-101B-9397-08002B2CF9AE}" pid="4" name="TemplafyUserProfileId">
    <vt:lpwstr>1029532643302834954</vt:lpwstr>
  </property>
  <property fmtid="{D5CDD505-2E9C-101B-9397-08002B2CF9AE}" pid="5" name="TemplafyFromBlank">
    <vt:bool>true</vt:bool>
  </property>
  <property fmtid="{D5CDD505-2E9C-101B-9397-08002B2CF9AE}" pid="6" name="MSIP_Label_b195fec1-33f7-4cab-8a17-aa30fc06e0fe_Enabled">
    <vt:lpwstr>true</vt:lpwstr>
  </property>
  <property fmtid="{D5CDD505-2E9C-101B-9397-08002B2CF9AE}" pid="7" name="MSIP_Label_b195fec1-33f7-4cab-8a17-aa30fc06e0fe_SetDate">
    <vt:lpwstr>2025-12-04T19:41:56Z</vt:lpwstr>
  </property>
  <property fmtid="{D5CDD505-2E9C-101B-9397-08002B2CF9AE}" pid="8" name="MSIP_Label_b195fec1-33f7-4cab-8a17-aa30fc06e0fe_Method">
    <vt:lpwstr>Privileged</vt:lpwstr>
  </property>
  <property fmtid="{D5CDD505-2E9C-101B-9397-08002B2CF9AE}" pid="9" name="MSIP_Label_b195fec1-33f7-4cab-8a17-aa30fc06e0fe_Name">
    <vt:lpwstr>Public</vt:lpwstr>
  </property>
  <property fmtid="{D5CDD505-2E9C-101B-9397-08002B2CF9AE}" pid="10" name="MSIP_Label_b195fec1-33f7-4cab-8a17-aa30fc06e0fe_SiteId">
    <vt:lpwstr>791b26cb-3fdf-47c3-b85d-bd9f037e3e7f</vt:lpwstr>
  </property>
  <property fmtid="{D5CDD505-2E9C-101B-9397-08002B2CF9AE}" pid="11" name="MSIP_Label_b195fec1-33f7-4cab-8a17-aa30fc06e0fe_ActionId">
    <vt:lpwstr>791b1306-c72e-4ee2-bdec-9e0a6454750d</vt:lpwstr>
  </property>
  <property fmtid="{D5CDD505-2E9C-101B-9397-08002B2CF9AE}" pid="12" name="MSIP_Label_b195fec1-33f7-4cab-8a17-aa30fc06e0fe_ContentBits">
    <vt:lpwstr>0</vt:lpwstr>
  </property>
  <property fmtid="{D5CDD505-2E9C-101B-9397-08002B2CF9AE}" pid="13" name="MSIP_Label_b195fec1-33f7-4cab-8a17-aa30fc06e0fe_Tag">
    <vt:lpwstr>10, 0, 1, 1</vt:lpwstr>
  </property>
</Properties>
</file>